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6" rupBuild="17726"/>
  <workbookPr/>
  <mc:AlternateContent xmlns:mc="http://schemas.openxmlformats.org/markup-compatibility/2006">
    <mc:Choice Requires="x15">
      <x15ac:absPath xmlns:x15ac="http://schemas.microsoft.com/office/spreadsheetml/2010/11/ac" url="C:\Users\i322163\Downloads\"/>
    </mc:Choice>
  </mc:AlternateContent>
  <bookViews>
    <workbookView xWindow="8055" yWindow="2715" windowWidth="28800" windowHeight="17595" tabRatio="500"/>
  </bookViews>
  <sheets>
    <sheet name="Sheet1" sheetId="1" r:id="rId1"/>
  </sheets>
  <calcPr calcId="150000" concurrentCalc="0"/>
  <extLst>
    <ext xmlns:x14="http://schemas.microsoft.com/office/spreadsheetml/2009/9/main" uri="{79F54976-1DA5-4618-B147-4CDE4B953A38}">
      <x14:workbookPr defaultImageDpi="32767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82" uniqueCount="82">
  <si>
    <t>VarPayBonusCalc</t>
  </si>
  <si>
    <t>VarPayBonusCalcSubJob</t>
  </si>
  <si>
    <t>USER_IMPORT</t>
  </si>
  <si>
    <t>REPORT_EXPORT</t>
  </si>
  <si>
    <t>VarPayMassCreate</t>
  </si>
  <si>
    <t>VPSysMassUpdate</t>
  </si>
  <si>
    <t>VarPayGenStatement</t>
  </si>
  <si>
    <t>CompGenStatement</t>
  </si>
  <si>
    <t>refreshRealtime</t>
  </si>
  <si>
    <t>VarPayBusinessGoalImport</t>
  </si>
  <si>
    <t>CompDeleteStatement</t>
  </si>
  <si>
    <t>CompApplyEligRule</t>
  </si>
  <si>
    <t>CompEcDataSync</t>
  </si>
  <si>
    <t>compensationAggrExport</t>
  </si>
  <si>
    <t>CompMassCreate</t>
  </si>
  <si>
    <t>CompMassUpdate</t>
  </si>
  <si>
    <t>CompSystemMassUpdate</t>
  </si>
  <si>
    <t>CompOfflineEdit</t>
  </si>
  <si>
    <t>CompPublishLPData</t>
  </si>
  <si>
    <t>CompModelingUpdate</t>
  </si>
  <si>
    <t>VarPayMassUpdate</t>
  </si>
  <si>
    <t>EmpHistoryImpJob</t>
  </si>
  <si>
    <t>StoreVarpayDataInECT</t>
  </si>
  <si>
    <t>VPSysECTHistProcessor</t>
  </si>
  <si>
    <t>VarPayECTHistoryProcessorSubJob</t>
  </si>
  <si>
    <t>VarpayBasisCalcJob</t>
  </si>
  <si>
    <t>varpayUpdateForms</t>
  </si>
  <si>
    <t>VarPayBusGoalRelImport</t>
  </si>
  <si>
    <t>VarPayGenBonusAssignmentStatement</t>
  </si>
  <si>
    <t>VarPayDelBonusAssignmentStatement</t>
  </si>
  <si>
    <t>VarPayBusPerfPayoutCurveImport</t>
  </si>
  <si>
    <t>VarPayBonusPlanImport</t>
  </si>
  <si>
    <t>VarPayEligibRuleImport</t>
  </si>
  <si>
    <t>VarPayEmployeeBasisImport</t>
  </si>
  <si>
    <t>VarPayEmpHistEditImport</t>
  </si>
  <si>
    <t>VarPayEligibRuleMigrate</t>
  </si>
  <si>
    <t>varpayCloneProgramJob</t>
  </si>
  <si>
    <t>VarPayEmployeeHistoryProcessorJob</t>
  </si>
  <si>
    <t>VarPayDeleteEmployeeHistoryJob</t>
  </si>
  <si>
    <t>Job Type</t>
  </si>
  <si>
    <t>CompPublishECData</t>
  </si>
  <si>
    <t>Job Type Label</t>
  </si>
  <si>
    <t>Set Bonus Calculation</t>
  </si>
  <si>
    <t>Set Bonus Calculation Sub Job</t>
  </si>
  <si>
    <t>Employees Import</t>
  </si>
  <si>
    <t>Employee History Import</t>
  </si>
  <si>
    <t>Varpay EC Publish Job</t>
  </si>
  <si>
    <t>Employee Central History Processor Job</t>
  </si>
  <si>
    <t>Employee Central History Processor Sub Job</t>
  </si>
  <si>
    <t>Report Export</t>
  </si>
  <si>
    <t>Delete Employee History Job</t>
  </si>
  <si>
    <t>Employee History Processor Job</t>
  </si>
  <si>
    <t>Variable Pay Clone Program</t>
  </si>
  <si>
    <t>Migrate Eligibility Rule Job</t>
  </si>
  <si>
    <t>Import Employee History Edit Job</t>
  </si>
  <si>
    <t>Import Earning Data Job</t>
  </si>
  <si>
    <t>Import Eligibility Rules Job</t>
  </si>
  <si>
    <t>Import Bonus Plans</t>
  </si>
  <si>
    <t>Variable Pay Business Performance Payout Curve Import</t>
  </si>
  <si>
    <t>Varpay Basis Amount Calculation</t>
  </si>
  <si>
    <t>Generate Compensation Personal Statement</t>
  </si>
  <si>
    <t>Generate Variable Pay Personal Statement</t>
  </si>
  <si>
    <t>Import Business Goal Weights</t>
  </si>
  <si>
    <t>Launch Bonus Plan Worksheets</t>
  </si>
  <si>
    <t>Variable Pay Mass Update Job</t>
  </si>
  <si>
    <t>Variable Pay Mass Update System Job</t>
  </si>
  <si>
    <t>Refresh Access Membership</t>
  </si>
  <si>
    <t>Import Business Goals</t>
  </si>
  <si>
    <t>Recall Compensation Personal Statement</t>
  </si>
  <si>
    <t>Apply Eligibility Rule</t>
  </si>
  <si>
    <t>Compensation EC Data Refresh</t>
  </si>
  <si>
    <t>Launch Compensation Worksheets</t>
  </si>
  <si>
    <t>Update Compensation Forms for Template</t>
  </si>
  <si>
    <t>Update Compensation Forms for Template(System)</t>
  </si>
  <si>
    <t>Compensation Model Update</t>
  </si>
  <si>
    <t>Executive Review Offline Edit for Template</t>
  </si>
  <si>
    <t>Publish Live Profile Data for Template</t>
  </si>
  <si>
    <t>Publish EC Data for Template</t>
  </si>
  <si>
    <t>Compensation Aggregate Export</t>
  </si>
  <si>
    <t>Update Variable Pay Forms</t>
  </si>
  <si>
    <t>Recall Bonus Assignment Statements Job</t>
  </si>
  <si>
    <t>Generate Bonus Assignment Statements Jo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4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1" fillId="0" borderId="0" xfId="0" applyFont="1"/>
    <xf numFmtId="0" fontId="2" fillId="0" borderId="0" xfId="0" applyFont="1"/>
  </cellXfs>
  <cellStyles count="1">
    <cellStyle name="Normal" xfId="0" builtinId="0"/>
  </cellStyles>
  <dxfs count="0"/>
  <tableStyles count="0" defaultTableStyle="TableStyleMedium9" defaultPivotStyle="PivotStyleMedium7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41"/>
  <sheetViews>
    <sheetView tabSelected="1" topLeftCell="A20" workbookViewId="0">
      <selection sqref="A1:B41"/>
    </sheetView>
  </sheetViews>
  <sheetFormatPr defaultColWidth="11" defaultRowHeight="15.75" x14ac:dyDescent="0.25"/>
  <cols>
    <col min="1" max="1" width="42" customWidth="1"/>
    <col min="2" max="2" width="59" customWidth="1"/>
    <col min="3" max="3" width="77.375" bestFit="1" customWidth="1"/>
  </cols>
  <sheetData>
    <row r="1" spans="1:3" x14ac:dyDescent="0.25">
      <c r="A1" s="1" t="s">
        <v>39</v>
      </c>
      <c r="B1" s="1" t="s">
        <v>41</v>
      </c>
    </row>
    <row r="2" spans="1:3" ht="18.75" x14ac:dyDescent="0.3">
      <c r="A2" s="2" t="s">
        <v>0</v>
      </c>
      <c r="B2" s="2" t="s">
        <v>42</v>
      </c>
      <c r="C2" s="2"/>
    </row>
    <row r="3" spans="1:3" ht="18.75" x14ac:dyDescent="0.3">
      <c r="A3" s="2" t="s">
        <v>1</v>
      </c>
      <c r="B3" s="2" t="s">
        <v>43</v>
      </c>
      <c r="C3" s="2"/>
    </row>
    <row r="4" spans="1:3" ht="18.75" x14ac:dyDescent="0.3">
      <c r="A4" s="2" t="s">
        <v>2</v>
      </c>
      <c r="B4" s="2" t="s">
        <v>44</v>
      </c>
      <c r="C4" s="2"/>
    </row>
    <row r="5" spans="1:3" ht="18.75" x14ac:dyDescent="0.3">
      <c r="A5" s="2" t="s">
        <v>3</v>
      </c>
      <c r="B5" s="2" t="s">
        <v>49</v>
      </c>
      <c r="C5" s="2"/>
    </row>
    <row r="6" spans="1:3" ht="18.75" x14ac:dyDescent="0.3">
      <c r="A6" s="2" t="s">
        <v>4</v>
      </c>
      <c r="B6" s="2" t="s">
        <v>63</v>
      </c>
      <c r="C6" s="2"/>
    </row>
    <row r="7" spans="1:3" ht="18.75" x14ac:dyDescent="0.3">
      <c r="A7" s="2" t="s">
        <v>5</v>
      </c>
      <c r="B7" s="2" t="s">
        <v>65</v>
      </c>
      <c r="C7" s="2"/>
    </row>
    <row r="8" spans="1:3" ht="18.75" x14ac:dyDescent="0.3">
      <c r="A8" s="2" t="s">
        <v>6</v>
      </c>
      <c r="B8" s="2" t="s">
        <v>61</v>
      </c>
      <c r="C8" s="2"/>
    </row>
    <row r="9" spans="1:3" ht="18.75" x14ac:dyDescent="0.3">
      <c r="A9" s="2" t="s">
        <v>7</v>
      </c>
      <c r="B9" s="2" t="s">
        <v>60</v>
      </c>
      <c r="C9" s="2"/>
    </row>
    <row r="10" spans="1:3" ht="18.75" x14ac:dyDescent="0.3">
      <c r="A10" s="2" t="s">
        <v>8</v>
      </c>
      <c r="B10" s="2" t="s">
        <v>66</v>
      </c>
      <c r="C10" s="2"/>
    </row>
    <row r="11" spans="1:3" ht="18.75" x14ac:dyDescent="0.3">
      <c r="A11" s="2" t="s">
        <v>9</v>
      </c>
      <c r="B11" s="2" t="s">
        <v>67</v>
      </c>
      <c r="C11" s="2"/>
    </row>
    <row r="12" spans="1:3" ht="18.75" x14ac:dyDescent="0.3">
      <c r="A12" s="2" t="s">
        <v>10</v>
      </c>
      <c r="B12" s="2" t="s">
        <v>68</v>
      </c>
    </row>
    <row r="13" spans="1:3" ht="18.75" x14ac:dyDescent="0.3">
      <c r="A13" s="2" t="s">
        <v>11</v>
      </c>
      <c r="B13" s="2" t="s">
        <v>69</v>
      </c>
    </row>
    <row r="14" spans="1:3" ht="18.75" x14ac:dyDescent="0.3">
      <c r="A14" s="2" t="s">
        <v>12</v>
      </c>
      <c r="B14" s="2" t="s">
        <v>70</v>
      </c>
    </row>
    <row r="15" spans="1:3" ht="18.75" x14ac:dyDescent="0.3">
      <c r="A15" s="2" t="s">
        <v>13</v>
      </c>
      <c r="B15" s="2" t="s">
        <v>78</v>
      </c>
    </row>
    <row r="16" spans="1:3" ht="18.75" x14ac:dyDescent="0.3">
      <c r="A16" s="2" t="s">
        <v>14</v>
      </c>
      <c r="B16" s="2" t="s">
        <v>71</v>
      </c>
    </row>
    <row r="17" spans="1:2" ht="18.75" x14ac:dyDescent="0.3">
      <c r="A17" s="2" t="s">
        <v>15</v>
      </c>
      <c r="B17" s="2" t="s">
        <v>72</v>
      </c>
    </row>
    <row r="18" spans="1:2" ht="18.75" x14ac:dyDescent="0.3">
      <c r="A18" s="2" t="s">
        <v>16</v>
      </c>
      <c r="B18" s="2" t="s">
        <v>73</v>
      </c>
    </row>
    <row r="19" spans="1:2" ht="18.75" x14ac:dyDescent="0.3">
      <c r="A19" s="2" t="s">
        <v>17</v>
      </c>
      <c r="B19" s="2" t="s">
        <v>75</v>
      </c>
    </row>
    <row r="20" spans="1:2" ht="18.75" x14ac:dyDescent="0.3">
      <c r="A20" s="2" t="s">
        <v>18</v>
      </c>
      <c r="B20" s="2" t="s">
        <v>76</v>
      </c>
    </row>
    <row r="21" spans="1:2" ht="18.75" x14ac:dyDescent="0.3">
      <c r="A21" s="2" t="s">
        <v>40</v>
      </c>
      <c r="B21" s="2" t="s">
        <v>77</v>
      </c>
    </row>
    <row r="22" spans="1:2" ht="18.75" x14ac:dyDescent="0.3">
      <c r="A22" s="2" t="s">
        <v>19</v>
      </c>
      <c r="B22" s="2" t="s">
        <v>74</v>
      </c>
    </row>
    <row r="23" spans="1:2" ht="18.75" x14ac:dyDescent="0.3">
      <c r="A23" s="2" t="s">
        <v>20</v>
      </c>
      <c r="B23" s="2" t="s">
        <v>64</v>
      </c>
    </row>
    <row r="24" spans="1:2" ht="18.75" x14ac:dyDescent="0.3">
      <c r="A24" s="2" t="s">
        <v>21</v>
      </c>
      <c r="B24" s="2" t="s">
        <v>45</v>
      </c>
    </row>
    <row r="25" spans="1:2" ht="18.75" x14ac:dyDescent="0.3">
      <c r="A25" s="2" t="s">
        <v>22</v>
      </c>
      <c r="B25" s="2" t="s">
        <v>46</v>
      </c>
    </row>
    <row r="26" spans="1:2" ht="18.75" x14ac:dyDescent="0.3">
      <c r="A26" s="2" t="s">
        <v>23</v>
      </c>
      <c r="B26" s="2" t="s">
        <v>47</v>
      </c>
    </row>
    <row r="27" spans="1:2" ht="18.75" x14ac:dyDescent="0.3">
      <c r="A27" s="2" t="s">
        <v>24</v>
      </c>
      <c r="B27" s="2" t="s">
        <v>48</v>
      </c>
    </row>
    <row r="28" spans="1:2" ht="18.75" x14ac:dyDescent="0.3">
      <c r="A28" s="2" t="s">
        <v>25</v>
      </c>
      <c r="B28" s="2" t="s">
        <v>59</v>
      </c>
    </row>
    <row r="29" spans="1:2" ht="18.75" x14ac:dyDescent="0.3">
      <c r="A29" s="2" t="s">
        <v>26</v>
      </c>
      <c r="B29" s="2" t="s">
        <v>79</v>
      </c>
    </row>
    <row r="30" spans="1:2" ht="18.75" x14ac:dyDescent="0.3">
      <c r="A30" s="2" t="s">
        <v>27</v>
      </c>
      <c r="B30" s="2" t="s">
        <v>62</v>
      </c>
    </row>
    <row r="31" spans="1:2" ht="18.75" x14ac:dyDescent="0.3">
      <c r="A31" s="2" t="s">
        <v>28</v>
      </c>
      <c r="B31" s="2" t="s">
        <v>81</v>
      </c>
    </row>
    <row r="32" spans="1:2" ht="18.75" x14ac:dyDescent="0.3">
      <c r="A32" s="2" t="s">
        <v>29</v>
      </c>
      <c r="B32" s="2" t="s">
        <v>80</v>
      </c>
    </row>
    <row r="33" spans="1:2" ht="18.75" x14ac:dyDescent="0.3">
      <c r="A33" s="2" t="s">
        <v>30</v>
      </c>
      <c r="B33" s="2" t="s">
        <v>58</v>
      </c>
    </row>
    <row r="34" spans="1:2" ht="18.75" x14ac:dyDescent="0.3">
      <c r="A34" s="2" t="s">
        <v>31</v>
      </c>
      <c r="B34" s="2" t="s">
        <v>57</v>
      </c>
    </row>
    <row r="35" spans="1:2" ht="18.75" x14ac:dyDescent="0.3">
      <c r="A35" s="2" t="s">
        <v>32</v>
      </c>
      <c r="B35" s="2" t="s">
        <v>56</v>
      </c>
    </row>
    <row r="36" spans="1:2" ht="18.75" x14ac:dyDescent="0.3">
      <c r="A36" s="2" t="s">
        <v>33</v>
      </c>
      <c r="B36" s="2" t="s">
        <v>55</v>
      </c>
    </row>
    <row r="37" spans="1:2" ht="18.75" x14ac:dyDescent="0.3">
      <c r="A37" s="2" t="s">
        <v>34</v>
      </c>
      <c r="B37" s="2" t="s">
        <v>54</v>
      </c>
    </row>
    <row r="38" spans="1:2" ht="18.75" x14ac:dyDescent="0.3">
      <c r="A38" s="2" t="s">
        <v>35</v>
      </c>
      <c r="B38" s="2" t="s">
        <v>53</v>
      </c>
    </row>
    <row r="39" spans="1:2" ht="18.75" x14ac:dyDescent="0.3">
      <c r="A39" s="2" t="s">
        <v>36</v>
      </c>
      <c r="B39" s="2" t="s">
        <v>52</v>
      </c>
    </row>
    <row r="40" spans="1:2" ht="18.75" x14ac:dyDescent="0.3">
      <c r="A40" s="2" t="s">
        <v>37</v>
      </c>
      <c r="B40" s="2" t="s">
        <v>51</v>
      </c>
    </row>
    <row r="41" spans="1:2" ht="18.75" x14ac:dyDescent="0.3">
      <c r="A41" s="2" t="s">
        <v>38</v>
      </c>
      <c r="B41" s="2" t="s">
        <v>5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SAP (China) Co., Ltd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ssica Lu</dc:creator>
  <cp:lastModifiedBy>PANDA, SUBHRANTA KUMAR</cp:lastModifiedBy>
  <dcterms:created xsi:type="dcterms:W3CDTF">2017-10-11T06:58:10Z</dcterms:created>
  <dcterms:modified xsi:type="dcterms:W3CDTF">2017-11-08T15:58:23Z</dcterms:modified>
</cp:coreProperties>
</file>